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12.31時点\01_起案\"/>
    </mc:Choice>
  </mc:AlternateContent>
  <xr:revisionPtr revIDLastSave="0" documentId="13_ncr:1_{123465A3-89D7-4813-AD7E-43E1721E2A4C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秦野" sheetId="76" r:id="rId1"/>
  </sheets>
  <definedNames>
    <definedName name="_xlnm._FilterDatabase" localSheetId="0" hidden="1">秦野!$B$2:$E$90</definedName>
    <definedName name="_xlnm.Print_Area" localSheetId="0">秦野!$A$1:$E$84</definedName>
    <definedName name="_xlnm.Print_Titles" localSheetId="0">秦野!$2:$2</definedName>
  </definedNames>
  <calcPr calcId="162913"/>
</workbook>
</file>

<file path=xl/sharedStrings.xml><?xml version="1.0" encoding="utf-8"?>
<sst xmlns="http://schemas.openxmlformats.org/spreadsheetml/2006/main" count="334" uniqueCount="252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許可番号</t>
    <rPh sb="0" eb="2">
      <t>キョカ</t>
    </rPh>
    <rPh sb="2" eb="4">
      <t>バンゴウ</t>
    </rPh>
    <phoneticPr fontId="1"/>
  </si>
  <si>
    <t>旅館・ホテル</t>
  </si>
  <si>
    <t>第070066号</t>
    <rPh sb="0" eb="1">
      <t>ダイ</t>
    </rPh>
    <rPh sb="7" eb="8">
      <t>ゴウ</t>
    </rPh>
    <phoneticPr fontId="1"/>
  </si>
  <si>
    <t>露木旅館</t>
  </si>
  <si>
    <t>第070054号</t>
    <rPh sb="0" eb="1">
      <t>ダイ</t>
    </rPh>
    <rPh sb="7" eb="8">
      <t>ゴウ</t>
    </rPh>
    <phoneticPr fontId="1"/>
  </si>
  <si>
    <t>学校法人上智学院セミナーハウス</t>
  </si>
  <si>
    <t>秦野市上大槻９９９</t>
  </si>
  <si>
    <t>第070072号</t>
    <rPh sb="0" eb="1">
      <t>ダイ</t>
    </rPh>
    <rPh sb="7" eb="8">
      <t>ゴウ</t>
    </rPh>
    <phoneticPr fontId="1"/>
  </si>
  <si>
    <t>秦野市河原町２－５４</t>
  </si>
  <si>
    <t>第070073号</t>
    <rPh sb="0" eb="1">
      <t>ダイ</t>
    </rPh>
    <rPh sb="7" eb="8">
      <t>ゴウ</t>
    </rPh>
    <phoneticPr fontId="1"/>
  </si>
  <si>
    <t>第070084号</t>
    <rPh sb="0" eb="1">
      <t>ダイ</t>
    </rPh>
    <rPh sb="7" eb="8">
      <t>ゴウ</t>
    </rPh>
    <phoneticPr fontId="1"/>
  </si>
  <si>
    <t>ホテルスリーファイブ　ストーリーズ</t>
  </si>
  <si>
    <t>秦野市菖蒲１１００－３</t>
  </si>
  <si>
    <t>第070074号</t>
    <rPh sb="0" eb="1">
      <t>ダイ</t>
    </rPh>
    <rPh sb="7" eb="8">
      <t>ゴウ</t>
    </rPh>
    <phoneticPr fontId="1"/>
  </si>
  <si>
    <t>ホテル　・　ティナグレース</t>
  </si>
  <si>
    <t>第070063号</t>
    <rPh sb="0" eb="1">
      <t>ダイ</t>
    </rPh>
    <rPh sb="7" eb="8">
      <t>ゴウ</t>
    </rPh>
    <phoneticPr fontId="1"/>
  </si>
  <si>
    <t>たけや旅館</t>
  </si>
  <si>
    <t>秦野市鈴張町２－１５</t>
  </si>
  <si>
    <t>第070059号</t>
    <rPh sb="0" eb="1">
      <t>ダイ</t>
    </rPh>
    <rPh sb="7" eb="8">
      <t>ゴウ</t>
    </rPh>
    <phoneticPr fontId="1"/>
  </si>
  <si>
    <t>株式会社グランドホテル神奈中</t>
  </si>
  <si>
    <t>秦野市大秦町１－１０</t>
  </si>
  <si>
    <t>第070078号</t>
    <rPh sb="0" eb="1">
      <t>ダイ</t>
    </rPh>
    <rPh sb="7" eb="8">
      <t>ゴウ</t>
    </rPh>
    <phoneticPr fontId="1"/>
  </si>
  <si>
    <t>秦野市鶴巻北２－４－１</t>
  </si>
  <si>
    <t>第070058号</t>
    <rPh sb="0" eb="1">
      <t>ダイ</t>
    </rPh>
    <rPh sb="7" eb="8">
      <t>ゴウ</t>
    </rPh>
    <phoneticPr fontId="1"/>
  </si>
  <si>
    <t>有限会社　大和旅館</t>
  </si>
  <si>
    <t>秦野市鶴巻北２－７－７</t>
  </si>
  <si>
    <t>第070001号</t>
    <rPh sb="0" eb="1">
      <t>ダイ</t>
    </rPh>
    <rPh sb="7" eb="8">
      <t>ゴウ</t>
    </rPh>
    <phoneticPr fontId="1"/>
  </si>
  <si>
    <t>陣屋</t>
  </si>
  <si>
    <t>秦野市鶴巻北２－８－２４</t>
  </si>
  <si>
    <t>第070008号</t>
    <rPh sb="0" eb="1">
      <t>ダイ</t>
    </rPh>
    <rPh sb="7" eb="8">
      <t>ゴウ</t>
    </rPh>
    <phoneticPr fontId="1"/>
  </si>
  <si>
    <t>秦野市寺山字羽風１７００</t>
  </si>
  <si>
    <t>第070080号</t>
    <rPh sb="0" eb="1">
      <t>ダイ</t>
    </rPh>
    <rPh sb="7" eb="8">
      <t>ゴウ</t>
    </rPh>
    <phoneticPr fontId="1"/>
  </si>
  <si>
    <t>神奈川県立山岳スポーツセンター</t>
  </si>
  <si>
    <t>秦野市戸川1392</t>
  </si>
  <si>
    <t>第070042号</t>
    <rPh sb="0" eb="1">
      <t>ダイ</t>
    </rPh>
    <rPh sb="7" eb="8">
      <t>ゴウ</t>
    </rPh>
    <phoneticPr fontId="1"/>
  </si>
  <si>
    <t>滝沢園</t>
  </si>
  <si>
    <t>秦野市戸川１４４５</t>
  </si>
  <si>
    <t>第070071号</t>
    <rPh sb="0" eb="1">
      <t>ダイ</t>
    </rPh>
    <rPh sb="7" eb="8">
      <t>ゴウ</t>
    </rPh>
    <phoneticPr fontId="1"/>
  </si>
  <si>
    <t>倉見山荘</t>
  </si>
  <si>
    <t>秦野市戸川ウツキ川原１４６３</t>
  </si>
  <si>
    <t>第070089号</t>
    <rPh sb="0" eb="1">
      <t>ダイ</t>
    </rPh>
    <rPh sb="7" eb="8">
      <t>ゴウ</t>
    </rPh>
    <phoneticPr fontId="1"/>
  </si>
  <si>
    <t>戸沢山荘</t>
    <phoneticPr fontId="1"/>
  </si>
  <si>
    <t>秦野市戸川字行者山１４６５</t>
  </si>
  <si>
    <t>第070076号</t>
    <rPh sb="0" eb="1">
      <t>ダイ</t>
    </rPh>
    <rPh sb="7" eb="8">
      <t>ゴウ</t>
    </rPh>
    <phoneticPr fontId="1"/>
  </si>
  <si>
    <t>ホテルパフューム</t>
  </si>
  <si>
    <t>秦野市名古木１０５７－１</t>
    <rPh sb="3" eb="6">
      <t>ナガヌキ</t>
    </rPh>
    <phoneticPr fontId="1"/>
  </si>
  <si>
    <t>第070091号</t>
    <rPh sb="0" eb="1">
      <t>ダイ</t>
    </rPh>
    <rPh sb="7" eb="8">
      <t>ゴウ</t>
    </rPh>
    <phoneticPr fontId="1"/>
  </si>
  <si>
    <t>ビジネス旅館たかの屋</t>
    <rPh sb="4" eb="6">
      <t>リョカン</t>
    </rPh>
    <rPh sb="9" eb="10">
      <t>ヤ</t>
    </rPh>
    <phoneticPr fontId="1"/>
  </si>
  <si>
    <t>秦野市堀西３２－１２</t>
  </si>
  <si>
    <t>第070007号</t>
    <rPh sb="0" eb="1">
      <t>ダイ</t>
    </rPh>
    <rPh sb="7" eb="8">
      <t>ゴウ</t>
    </rPh>
    <phoneticPr fontId="1"/>
  </si>
  <si>
    <t>どんぐり山荘</t>
  </si>
  <si>
    <t>秦野市堀山下１２９３</t>
  </si>
  <si>
    <t>第070005号</t>
    <rPh sb="0" eb="1">
      <t>ダイ</t>
    </rPh>
    <rPh sb="7" eb="8">
      <t>ゴウ</t>
    </rPh>
    <phoneticPr fontId="1"/>
  </si>
  <si>
    <t>大倉山の家</t>
  </si>
  <si>
    <t>秦野市堀山下１４６２</t>
  </si>
  <si>
    <t>第070052号</t>
    <rPh sb="0" eb="1">
      <t>ダイ</t>
    </rPh>
    <rPh sb="7" eb="8">
      <t>ゴウ</t>
    </rPh>
    <phoneticPr fontId="1"/>
  </si>
  <si>
    <t>堀山の家</t>
  </si>
  <si>
    <t>秦野市堀山下１６５０</t>
  </si>
  <si>
    <t>第070031号</t>
    <rPh sb="0" eb="1">
      <t>ダイ</t>
    </rPh>
    <rPh sb="7" eb="8">
      <t>ゴウ</t>
    </rPh>
    <phoneticPr fontId="1"/>
  </si>
  <si>
    <t>花立山荘</t>
  </si>
  <si>
    <t>秦野市堀山下金冷し１６４９－イ</t>
  </si>
  <si>
    <t>第070064号</t>
    <rPh sb="0" eb="1">
      <t>ダイ</t>
    </rPh>
    <rPh sb="7" eb="8">
      <t>ゴウ</t>
    </rPh>
    <phoneticPr fontId="1"/>
  </si>
  <si>
    <t>駒止茶屋</t>
  </si>
  <si>
    <t>秦野市堀山下一の沢１６５２</t>
  </si>
  <si>
    <t>第070049号</t>
    <rPh sb="0" eb="1">
      <t>ダイ</t>
    </rPh>
    <rPh sb="7" eb="8">
      <t>ゴウ</t>
    </rPh>
    <phoneticPr fontId="1"/>
  </si>
  <si>
    <t>見晴茶屋</t>
  </si>
  <si>
    <t>秦野市堀山下字竃の尾１６５４</t>
  </si>
  <si>
    <t>第070092号</t>
    <rPh sb="0" eb="1">
      <t>ダイ</t>
    </rPh>
    <rPh sb="7" eb="8">
      <t>ゴウ</t>
    </rPh>
    <phoneticPr fontId="1"/>
  </si>
  <si>
    <t>ビジネスホテルたかの家</t>
    <phoneticPr fontId="1"/>
  </si>
  <si>
    <t>秦野市本町２－１－２９</t>
  </si>
  <si>
    <t>第070039号</t>
    <rPh sb="0" eb="1">
      <t>ダイ</t>
    </rPh>
    <rPh sb="7" eb="8">
      <t>ゴウ</t>
    </rPh>
    <phoneticPr fontId="1"/>
  </si>
  <si>
    <t>やな井旅館</t>
  </si>
  <si>
    <t>秦野市本町３－２－２３</t>
  </si>
  <si>
    <t>第070077号</t>
    <rPh sb="0" eb="1">
      <t>ダイ</t>
    </rPh>
    <rPh sb="7" eb="8">
      <t>ゴウ</t>
    </rPh>
    <phoneticPr fontId="1"/>
  </si>
  <si>
    <t>秦野市表丹沢野外活動センター</t>
  </si>
  <si>
    <t>秦野市菩提２０４６－５</t>
  </si>
  <si>
    <t>第070087号</t>
    <rPh sb="0" eb="1">
      <t>ダイ</t>
    </rPh>
    <rPh sb="7" eb="8">
      <t>ゴウ</t>
    </rPh>
    <phoneticPr fontId="1"/>
  </si>
  <si>
    <t>秦野市三廻部字長尾１０２９－１</t>
  </si>
  <si>
    <t>第070015号</t>
    <rPh sb="0" eb="1">
      <t>ダイ</t>
    </rPh>
    <rPh sb="7" eb="8">
      <t>ゴウ</t>
    </rPh>
    <phoneticPr fontId="1"/>
  </si>
  <si>
    <t>烏尾山荘</t>
  </si>
  <si>
    <t>秦野市横野旭向１０６５</t>
  </si>
  <si>
    <t>第070085号</t>
    <rPh sb="0" eb="1">
      <t>ダイ</t>
    </rPh>
    <rPh sb="7" eb="8">
      <t>ゴウ</t>
    </rPh>
    <phoneticPr fontId="1"/>
  </si>
  <si>
    <t>ホテルセレクトイン伊勢原</t>
  </si>
  <si>
    <t>伊勢原市伊勢原3-1-7</t>
    <phoneticPr fontId="1"/>
  </si>
  <si>
    <t>第070013号</t>
    <rPh sb="0" eb="1">
      <t>ダイ</t>
    </rPh>
    <rPh sb="7" eb="8">
      <t>ゴウ</t>
    </rPh>
    <phoneticPr fontId="1"/>
  </si>
  <si>
    <t>下大木</t>
  </si>
  <si>
    <t>伊勢原市大山２２７</t>
  </si>
  <si>
    <t>第070069号</t>
    <rPh sb="0" eb="1">
      <t>ダイ</t>
    </rPh>
    <rPh sb="7" eb="8">
      <t>ゴウ</t>
    </rPh>
    <phoneticPr fontId="1"/>
  </si>
  <si>
    <t>岩太夫</t>
  </si>
  <si>
    <t>伊勢原市大山２３９</t>
  </si>
  <si>
    <t>第070036号</t>
    <rPh sb="0" eb="1">
      <t>ダイ</t>
    </rPh>
    <rPh sb="7" eb="8">
      <t>ゴウ</t>
    </rPh>
    <phoneticPr fontId="1"/>
  </si>
  <si>
    <t>内海三太夫</t>
  </si>
  <si>
    <t>伊勢原市大山２８８</t>
  </si>
  <si>
    <t>第070006号</t>
    <rPh sb="0" eb="1">
      <t>ダイ</t>
    </rPh>
    <rPh sb="7" eb="8">
      <t>ゴウ</t>
    </rPh>
    <phoneticPr fontId="1"/>
  </si>
  <si>
    <t>中山館</t>
  </si>
  <si>
    <t>伊勢原市大山２９７</t>
  </si>
  <si>
    <t>第070035号</t>
    <rPh sb="0" eb="1">
      <t>ダイ</t>
    </rPh>
    <rPh sb="7" eb="8">
      <t>ゴウ</t>
    </rPh>
    <phoneticPr fontId="1"/>
  </si>
  <si>
    <t>高尾幸弓</t>
  </si>
  <si>
    <t>伊勢原市大山３０６</t>
  </si>
  <si>
    <t>第070027号</t>
    <rPh sb="0" eb="1">
      <t>ダイ</t>
    </rPh>
    <rPh sb="7" eb="8">
      <t>ゴウ</t>
    </rPh>
    <phoneticPr fontId="1"/>
  </si>
  <si>
    <t>かげゆ</t>
  </si>
  <si>
    <t>伊勢原市大山３１４</t>
  </si>
  <si>
    <t>第070030号</t>
    <rPh sb="0" eb="1">
      <t>ダイ</t>
    </rPh>
    <rPh sb="7" eb="8">
      <t>ゴウ</t>
    </rPh>
    <phoneticPr fontId="1"/>
  </si>
  <si>
    <t>増城</t>
  </si>
  <si>
    <t>伊勢原市大山３１９</t>
  </si>
  <si>
    <t>第070019号</t>
    <rPh sb="0" eb="1">
      <t>ダイ</t>
    </rPh>
    <rPh sb="7" eb="8">
      <t>ゴウ</t>
    </rPh>
    <phoneticPr fontId="1"/>
  </si>
  <si>
    <t>有限会社　獅子山荘</t>
  </si>
  <si>
    <t>伊勢原市大山３２５</t>
  </si>
  <si>
    <t>第070002号</t>
    <rPh sb="0" eb="1">
      <t>ダイ</t>
    </rPh>
    <rPh sb="7" eb="8">
      <t>ゴウ</t>
    </rPh>
    <phoneticPr fontId="1"/>
  </si>
  <si>
    <t>かすみ荘</t>
  </si>
  <si>
    <t>伊勢原市大山３３０</t>
  </si>
  <si>
    <t>第070067号</t>
    <rPh sb="0" eb="1">
      <t>ダイ</t>
    </rPh>
    <rPh sb="7" eb="8">
      <t>ゴウ</t>
    </rPh>
    <phoneticPr fontId="1"/>
  </si>
  <si>
    <t>大山荘（水琴亭）</t>
  </si>
  <si>
    <t>伊勢原市大山３４６</t>
  </si>
  <si>
    <t>第070012号</t>
    <rPh sb="0" eb="1">
      <t>ダイ</t>
    </rPh>
    <rPh sb="7" eb="8">
      <t>ゴウ</t>
    </rPh>
    <phoneticPr fontId="1"/>
  </si>
  <si>
    <t>下神崎荘</t>
  </si>
  <si>
    <t>伊勢原市大山３４８</t>
  </si>
  <si>
    <t>第070014号</t>
    <rPh sb="0" eb="1">
      <t>ダイ</t>
    </rPh>
    <rPh sb="7" eb="8">
      <t>ゴウ</t>
    </rPh>
    <phoneticPr fontId="1"/>
  </si>
  <si>
    <t>旅館　周次郎</t>
  </si>
  <si>
    <t>伊勢原市大山３７４</t>
  </si>
  <si>
    <t>第070029号</t>
    <rPh sb="0" eb="1">
      <t>ダイ</t>
    </rPh>
    <rPh sb="7" eb="8">
      <t>ゴウ</t>
    </rPh>
    <phoneticPr fontId="1"/>
  </si>
  <si>
    <t>旅館上神崎</t>
  </si>
  <si>
    <t>伊勢原市大山３８１</t>
  </si>
  <si>
    <t>第070003号</t>
    <rPh sb="0" eb="1">
      <t>ダイ</t>
    </rPh>
    <rPh sb="7" eb="8">
      <t>ゴウ</t>
    </rPh>
    <phoneticPr fontId="1"/>
  </si>
  <si>
    <t>小笠原</t>
  </si>
  <si>
    <t>第070065号</t>
    <rPh sb="0" eb="1">
      <t>ダイ</t>
    </rPh>
    <rPh sb="7" eb="8">
      <t>ゴウ</t>
    </rPh>
    <phoneticPr fontId="1"/>
  </si>
  <si>
    <t>蓬生亭逸見</t>
  </si>
  <si>
    <t>伊勢原市大山４１３</t>
  </si>
  <si>
    <t>第070020号</t>
    <rPh sb="0" eb="1">
      <t>ダイ</t>
    </rPh>
    <rPh sb="7" eb="8">
      <t>ゴウ</t>
    </rPh>
    <phoneticPr fontId="1"/>
  </si>
  <si>
    <t>有限会社　山荘なぎさ</t>
  </si>
  <si>
    <t>伊勢原市大山４２１</t>
  </si>
  <si>
    <t>第070004号</t>
    <rPh sb="0" eb="1">
      <t>ダイ</t>
    </rPh>
    <rPh sb="7" eb="8">
      <t>ゴウ</t>
    </rPh>
    <phoneticPr fontId="1"/>
  </si>
  <si>
    <t>つたお</t>
  </si>
  <si>
    <t>伊勢原市大山４２２</t>
  </si>
  <si>
    <t>第070026号</t>
    <rPh sb="0" eb="1">
      <t>ダイ</t>
    </rPh>
    <rPh sb="7" eb="8">
      <t>ゴウ</t>
    </rPh>
    <phoneticPr fontId="1"/>
  </si>
  <si>
    <t>目黒</t>
  </si>
  <si>
    <t>伊勢原市大山４３３</t>
  </si>
  <si>
    <t>第070040号</t>
    <rPh sb="0" eb="1">
      <t>ダイ</t>
    </rPh>
    <rPh sb="7" eb="8">
      <t>ゴウ</t>
    </rPh>
    <phoneticPr fontId="1"/>
  </si>
  <si>
    <t>おく村旅館</t>
  </si>
  <si>
    <t>伊勢原市大山４３４</t>
  </si>
  <si>
    <t>第070070号</t>
    <rPh sb="0" eb="1">
      <t>ダイ</t>
    </rPh>
    <rPh sb="7" eb="8">
      <t>ゴウ</t>
    </rPh>
    <phoneticPr fontId="1"/>
  </si>
  <si>
    <t>東學坊</t>
  </si>
  <si>
    <t>伊勢原市大山４３７</t>
  </si>
  <si>
    <t>第070032号</t>
    <rPh sb="0" eb="1">
      <t>ダイ</t>
    </rPh>
    <rPh sb="7" eb="8">
      <t>ゴウ</t>
    </rPh>
    <phoneticPr fontId="1"/>
  </si>
  <si>
    <t>吉川</t>
  </si>
  <si>
    <t>伊勢原市大山４５９</t>
  </si>
  <si>
    <t>第070025号</t>
    <rPh sb="0" eb="1">
      <t>ダイ</t>
    </rPh>
    <rPh sb="7" eb="8">
      <t>ゴウ</t>
    </rPh>
    <phoneticPr fontId="1"/>
  </si>
  <si>
    <t>水島旅館</t>
  </si>
  <si>
    <t>伊勢原市大山４８５</t>
  </si>
  <si>
    <t>第070028号</t>
    <rPh sb="0" eb="1">
      <t>ダイ</t>
    </rPh>
    <rPh sb="7" eb="8">
      <t>ゴウ</t>
    </rPh>
    <phoneticPr fontId="1"/>
  </si>
  <si>
    <t>おゝすみ山荘</t>
  </si>
  <si>
    <t>伊勢原市大山４９０</t>
  </si>
  <si>
    <t>第070017号</t>
    <rPh sb="0" eb="1">
      <t>ダイ</t>
    </rPh>
    <rPh sb="7" eb="8">
      <t>ゴウ</t>
    </rPh>
    <phoneticPr fontId="1"/>
  </si>
  <si>
    <t>有限会社　山荘だいとう</t>
  </si>
  <si>
    <t>伊勢原市大山４９３</t>
  </si>
  <si>
    <t>第070024号</t>
    <rPh sb="0" eb="1">
      <t>ダイ</t>
    </rPh>
    <rPh sb="7" eb="8">
      <t>ゴウ</t>
    </rPh>
    <phoneticPr fontId="1"/>
  </si>
  <si>
    <t>しもやま旅館</t>
  </si>
  <si>
    <t>伊勢原市大山５０６</t>
  </si>
  <si>
    <t>第070038号</t>
    <rPh sb="0" eb="1">
      <t>ダイ</t>
    </rPh>
    <rPh sb="7" eb="8">
      <t>ゴウ</t>
    </rPh>
    <phoneticPr fontId="1"/>
  </si>
  <si>
    <t>古宮</t>
  </si>
  <si>
    <t>伊勢原市大山５１２</t>
  </si>
  <si>
    <t>第070010号</t>
    <rPh sb="0" eb="1">
      <t>ダイ</t>
    </rPh>
    <rPh sb="7" eb="8">
      <t>ゴウ</t>
    </rPh>
    <phoneticPr fontId="1"/>
  </si>
  <si>
    <t>まりや</t>
  </si>
  <si>
    <t>伊勢原市大山５１６</t>
  </si>
  <si>
    <t>第070018号</t>
    <rPh sb="0" eb="1">
      <t>ダイ</t>
    </rPh>
    <rPh sb="7" eb="8">
      <t>ゴウ</t>
    </rPh>
    <phoneticPr fontId="1"/>
  </si>
  <si>
    <t>有限会社　旅館あさだ</t>
  </si>
  <si>
    <t>伊勢原市大山５９４</t>
  </si>
  <si>
    <t>第070079号</t>
    <rPh sb="0" eb="1">
      <t>ダイ</t>
    </rPh>
    <rPh sb="7" eb="8">
      <t>ゴウ</t>
    </rPh>
    <phoneticPr fontId="1"/>
  </si>
  <si>
    <t>千代見荘</t>
  </si>
  <si>
    <t>第070011号</t>
    <rPh sb="0" eb="1">
      <t>ダイ</t>
    </rPh>
    <rPh sb="7" eb="8">
      <t>ゴウ</t>
    </rPh>
    <phoneticPr fontId="1"/>
  </si>
  <si>
    <t>根岸</t>
  </si>
  <si>
    <t>伊勢原市大山６４０</t>
  </si>
  <si>
    <t>第070086号</t>
    <rPh sb="0" eb="1">
      <t>ダイ</t>
    </rPh>
    <rPh sb="7" eb="8">
      <t>ゴウ</t>
    </rPh>
    <phoneticPr fontId="1"/>
  </si>
  <si>
    <t>元瀧</t>
  </si>
  <si>
    <t>伊勢原市大山６６４</t>
  </si>
  <si>
    <t>第070021号</t>
    <rPh sb="0" eb="1">
      <t>ダイ</t>
    </rPh>
    <rPh sb="7" eb="8">
      <t>ゴウ</t>
    </rPh>
    <phoneticPr fontId="1"/>
  </si>
  <si>
    <t>有限会社　武田旅館</t>
  </si>
  <si>
    <t>伊勢原市大山９０８</t>
  </si>
  <si>
    <t>第070009号</t>
    <rPh sb="0" eb="1">
      <t>ダイ</t>
    </rPh>
    <rPh sb="7" eb="8">
      <t>ゴウ</t>
    </rPh>
    <phoneticPr fontId="1"/>
  </si>
  <si>
    <t>旅館　ますだ</t>
  </si>
  <si>
    <t>伊勢原市大山９２２</t>
  </si>
  <si>
    <t>第070090号</t>
    <rPh sb="0" eb="1">
      <t>ダイ</t>
    </rPh>
    <rPh sb="7" eb="8">
      <t>ゴウ</t>
    </rPh>
    <phoneticPr fontId="1"/>
  </si>
  <si>
    <t>伊勢原市神戸417-1</t>
    <phoneticPr fontId="1"/>
  </si>
  <si>
    <t>第070093号</t>
    <rPh sb="0" eb="1">
      <t>ダイ</t>
    </rPh>
    <rPh sb="7" eb="8">
      <t>ゴウ</t>
    </rPh>
    <phoneticPr fontId="1"/>
  </si>
  <si>
    <t>アパホテル〈伊勢原駅前〉</t>
    <rPh sb="6" eb="9">
      <t>イセハラ</t>
    </rPh>
    <rPh sb="9" eb="10">
      <t>エキ</t>
    </rPh>
    <rPh sb="10" eb="11">
      <t>マエ</t>
    </rPh>
    <phoneticPr fontId="1"/>
  </si>
  <si>
    <t>第070062号</t>
    <rPh sb="0" eb="1">
      <t>ダイ</t>
    </rPh>
    <rPh sb="7" eb="8">
      <t>ゴウ</t>
    </rPh>
    <phoneticPr fontId="1"/>
  </si>
  <si>
    <t>伊勢原第一ホテル</t>
  </si>
  <si>
    <t>伊勢原市桜台1-11-22</t>
    <phoneticPr fontId="1"/>
  </si>
  <si>
    <t>第070022号</t>
    <rPh sb="0" eb="1">
      <t>ダイ</t>
    </rPh>
    <rPh sb="7" eb="8">
      <t>ゴウ</t>
    </rPh>
    <phoneticPr fontId="1"/>
  </si>
  <si>
    <t>第070083号</t>
    <rPh sb="0" eb="1">
      <t>ダイ</t>
    </rPh>
    <rPh sb="7" eb="8">
      <t>ゴウ</t>
    </rPh>
    <phoneticPr fontId="1"/>
  </si>
  <si>
    <t>銀の塔</t>
  </si>
  <si>
    <t>第070048号</t>
    <rPh sb="0" eb="1">
      <t>ダイ</t>
    </rPh>
    <rPh sb="7" eb="8">
      <t>ゴウ</t>
    </rPh>
    <phoneticPr fontId="1"/>
  </si>
  <si>
    <t>ほてる　くちなし城</t>
  </si>
  <si>
    <t>伊勢原市善波１４３４</t>
  </si>
  <si>
    <t>第070045号</t>
    <rPh sb="0" eb="1">
      <t>ダイ</t>
    </rPh>
    <rPh sb="7" eb="8">
      <t>ゴウ</t>
    </rPh>
    <phoneticPr fontId="1"/>
  </si>
  <si>
    <t>ホテルエンドレス</t>
  </si>
  <si>
    <t>伊勢原市善波１４３６</t>
  </si>
  <si>
    <t>第070046号</t>
    <rPh sb="0" eb="1">
      <t>ダイ</t>
    </rPh>
    <rPh sb="7" eb="8">
      <t>ゴウ</t>
    </rPh>
    <phoneticPr fontId="1"/>
  </si>
  <si>
    <t>ホテル　すかいらぶ</t>
  </si>
  <si>
    <t>伊勢原市善波１４３９</t>
  </si>
  <si>
    <t>第070082号</t>
    <rPh sb="0" eb="1">
      <t>ダイ</t>
    </rPh>
    <rPh sb="7" eb="8">
      <t>ゴウ</t>
    </rPh>
    <phoneticPr fontId="1"/>
  </si>
  <si>
    <t>第070061号</t>
    <rPh sb="0" eb="1">
      <t>ダイ</t>
    </rPh>
    <rPh sb="7" eb="8">
      <t>ゴウ</t>
    </rPh>
    <phoneticPr fontId="1"/>
  </si>
  <si>
    <t>ＨＯＴＥＬ ＰＡＲＡＩＳＯ</t>
  </si>
  <si>
    <t>伊勢原市善波１４５７</t>
  </si>
  <si>
    <t>第070055号</t>
    <rPh sb="0" eb="1">
      <t>ダイ</t>
    </rPh>
    <rPh sb="7" eb="8">
      <t>ゴウ</t>
    </rPh>
    <phoneticPr fontId="1"/>
  </si>
  <si>
    <t>成城学園伊勢原管理棟兼合宿所</t>
  </si>
  <si>
    <t>伊勢原市西富岡４４８－１</t>
  </si>
  <si>
    <t>第070051号</t>
    <rPh sb="0" eb="1">
      <t>ダイ</t>
    </rPh>
    <rPh sb="7" eb="8">
      <t>ゴウ</t>
    </rPh>
    <phoneticPr fontId="1"/>
  </si>
  <si>
    <t>専修大学伊勢原セミナーハウス</t>
  </si>
  <si>
    <t>伊勢原市西富岡１０８０－１</t>
  </si>
  <si>
    <t>第070041号</t>
    <rPh sb="0" eb="1">
      <t>ダイ</t>
    </rPh>
    <rPh sb="7" eb="8">
      <t>ゴウ</t>
    </rPh>
    <phoneticPr fontId="1"/>
  </si>
  <si>
    <t>日向山荘</t>
  </si>
  <si>
    <t>伊勢原市日向１７５３</t>
  </si>
  <si>
    <t>第070056号</t>
    <rPh sb="0" eb="1">
      <t>ダイ</t>
    </rPh>
    <rPh sb="7" eb="8">
      <t>ゴウ</t>
    </rPh>
    <phoneticPr fontId="1"/>
  </si>
  <si>
    <t>伊勢原市御所の入森のコテージ</t>
  </si>
  <si>
    <t>伊勢原市日向１８１８</t>
  </si>
  <si>
    <t>第070037号</t>
    <rPh sb="0" eb="1">
      <t>ダイ</t>
    </rPh>
    <rPh sb="7" eb="8">
      <t>ゴウ</t>
    </rPh>
    <phoneticPr fontId="1"/>
  </si>
  <si>
    <t>日向山荘バンガロー</t>
  </si>
  <si>
    <t>伊勢原市日向字淵ノ上１８０３、
１８０５－イ</t>
  </si>
  <si>
    <t>鍋割山荘</t>
    <phoneticPr fontId="1"/>
  </si>
  <si>
    <t>伊勢原市大山４１５</t>
    <phoneticPr fontId="1"/>
  </si>
  <si>
    <t>伊勢原市桜台１－１１－３</t>
    <phoneticPr fontId="1"/>
  </si>
  <si>
    <t>伊勢原市大山603-1</t>
    <phoneticPr fontId="1"/>
  </si>
  <si>
    <t>ホテル　現代楽園</t>
    <rPh sb="4" eb="6">
      <t>ゲンダイ</t>
    </rPh>
    <rPh sb="6" eb="8">
      <t>ラクエン</t>
    </rPh>
    <phoneticPr fontId="1"/>
  </si>
  <si>
    <t>秦野市上今川町８－２７</t>
    <phoneticPr fontId="1"/>
  </si>
  <si>
    <t>Ｂｏｓｃｏ　Ａｕｔｏ　Ｃａｍｐ　Ｂａｓｅ</t>
    <phoneticPr fontId="9"/>
  </si>
  <si>
    <t>秦野市丹沢寺山７５</t>
    <rPh sb="0" eb="3">
      <t>ハダノシ</t>
    </rPh>
    <phoneticPr fontId="1"/>
  </si>
  <si>
    <t>美ゆき旅館</t>
    <phoneticPr fontId="1"/>
  </si>
  <si>
    <t>第070095号</t>
    <rPh sb="0" eb="1">
      <t>ダイ</t>
    </rPh>
    <rPh sb="7" eb="8">
      <t>ゴウ</t>
    </rPh>
    <phoneticPr fontId="1"/>
  </si>
  <si>
    <t>木ノ又小屋</t>
    <phoneticPr fontId="1"/>
  </si>
  <si>
    <t>秦野市戸川行者山国有林１６３ろ１林小班</t>
    <rPh sb="0" eb="3">
      <t>ハダノシ</t>
    </rPh>
    <phoneticPr fontId="1"/>
  </si>
  <si>
    <t>No</t>
    <phoneticPr fontId="1"/>
  </si>
  <si>
    <t>はだの・湯河原温泉　万葉の湯</t>
    <phoneticPr fontId="1"/>
  </si>
  <si>
    <t>はだの・湯河原温泉　万葉の湯</t>
    <phoneticPr fontId="1"/>
  </si>
  <si>
    <t>ＺＥＮＢＡ　ＧＡＴＥＷＡＹ　ＨＯＴＥＬ</t>
    <phoneticPr fontId="1"/>
  </si>
  <si>
    <t>ホテルルートイン伊勢原大山インター－国道２４６-</t>
    <rPh sb="8" eb="11">
      <t>イセハラ</t>
    </rPh>
    <rPh sb="11" eb="13">
      <t>オオヤマ</t>
    </rPh>
    <rPh sb="18" eb="20">
      <t>コクドウ</t>
    </rPh>
    <phoneticPr fontId="1"/>
  </si>
  <si>
    <t>第070097号</t>
    <phoneticPr fontId="1"/>
  </si>
  <si>
    <t>Bosco Auto Camp Base（キャンプ場）</t>
    <phoneticPr fontId="1"/>
  </si>
  <si>
    <t>秦野市丹沢寺山７５</t>
    <phoneticPr fontId="1"/>
  </si>
  <si>
    <t>作治小屋</t>
    <phoneticPr fontId="1"/>
  </si>
  <si>
    <t>秦野市戸川字行者山１４７０－２</t>
    <rPh sb="0" eb="3">
      <t>ハダノシ</t>
    </rPh>
    <phoneticPr fontId="1"/>
  </si>
  <si>
    <t>第070098号</t>
    <rPh sb="0" eb="1">
      <t>ダイ</t>
    </rPh>
    <rPh sb="7" eb="8">
      <t>ゴウ</t>
    </rPh>
    <phoneticPr fontId="1"/>
  </si>
  <si>
    <t>伊勢原市善波１４５５番地の３</t>
    <rPh sb="10" eb="12">
      <t>バンチ</t>
    </rPh>
    <phoneticPr fontId="1"/>
  </si>
  <si>
    <t>伊勢原市善波１４２３</t>
    <phoneticPr fontId="1"/>
  </si>
  <si>
    <t>伊勢原市善波１４２１－１</t>
    <phoneticPr fontId="1"/>
  </si>
  <si>
    <t>第070100号</t>
    <phoneticPr fontId="1"/>
  </si>
  <si>
    <t>青山荘</t>
    <phoneticPr fontId="1"/>
  </si>
  <si>
    <t>旅館業法許可施設一覧(令和７年12月31日現在)　　平塚保健福祉事務所秦野センター所管域（秦野市、伊勢原市）</t>
    <rPh sb="0" eb="4">
      <t>リョカンギョウホウ</t>
    </rPh>
    <rPh sb="4" eb="6">
      <t>キョカ</t>
    </rPh>
    <rPh sb="6" eb="8">
      <t>シセツ</t>
    </rPh>
    <rPh sb="8" eb="10">
      <t>イチラン</t>
    </rPh>
    <rPh sb="21" eb="23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16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3" fillId="0" borderId="0"/>
    <xf numFmtId="0" fontId="3" fillId="0" borderId="0"/>
  </cellStyleXfs>
  <cellXfs count="14">
    <xf numFmtId="0" fontId="0" fillId="0" borderId="0" xfId="0">
      <alignment vertical="center"/>
    </xf>
    <xf numFmtId="0" fontId="6" fillId="0" borderId="1" xfId="0" applyFont="1" applyBorder="1" applyAlignment="1">
      <alignment vertical="center" shrinkToFit="1"/>
    </xf>
    <xf numFmtId="0" fontId="5" fillId="0" borderId="1" xfId="2" applyFont="1" applyFill="1" applyBorder="1" applyAlignment="1">
      <alignment vertical="center" shrinkToFit="1"/>
    </xf>
    <xf numFmtId="0" fontId="6" fillId="0" borderId="1" xfId="0" applyFont="1" applyFill="1" applyBorder="1" applyAlignment="1">
      <alignment vertical="center" shrinkToFit="1"/>
    </xf>
    <xf numFmtId="0" fontId="6" fillId="2" borderId="1" xfId="0" applyFont="1" applyFill="1" applyBorder="1" applyAlignment="1">
      <alignment horizontal="center" vertical="center" shrinkToFit="1"/>
    </xf>
    <xf numFmtId="0" fontId="5" fillId="0" borderId="1" xfId="2" applyFont="1" applyFill="1" applyBorder="1" applyAlignment="1">
      <alignment horizontal="left" vertical="center" shrinkToFit="1"/>
    </xf>
    <xf numFmtId="0" fontId="5" fillId="0" borderId="1" xfId="2" applyFont="1" applyFill="1" applyBorder="1" applyAlignment="1">
      <alignment vertical="center" wrapText="1"/>
    </xf>
    <xf numFmtId="0" fontId="5" fillId="0" borderId="1" xfId="2" applyFont="1" applyFill="1" applyBorder="1" applyAlignment="1">
      <alignment vertical="center"/>
    </xf>
    <xf numFmtId="0" fontId="5" fillId="0" borderId="1" xfId="0" applyFont="1" applyFill="1" applyBorder="1" applyAlignment="1">
      <alignment vertical="center"/>
    </xf>
    <xf numFmtId="0" fontId="5" fillId="0" borderId="1" xfId="0" applyFont="1" applyFill="1" applyBorder="1">
      <alignment vertical="center"/>
    </xf>
    <xf numFmtId="0" fontId="4" fillId="0" borderId="0" xfId="0" applyFont="1" applyBorder="1" applyAlignment="1">
      <alignment vertical="center" shrinkToFit="1"/>
    </xf>
    <xf numFmtId="0" fontId="2" fillId="0" borderId="0" xfId="0" applyFont="1" applyBorder="1" applyAlignment="1">
      <alignment vertical="center" shrinkToFit="1"/>
    </xf>
    <xf numFmtId="0" fontId="0" fillId="0" borderId="0" xfId="0" applyBorder="1" applyAlignment="1">
      <alignment vertical="center" shrinkToFit="1"/>
    </xf>
    <xf numFmtId="0" fontId="8" fillId="0" borderId="0" xfId="0" applyFont="1" applyBorder="1" applyAlignment="1">
      <alignment horizontal="center" vertical="center" shrinkToFit="1"/>
    </xf>
  </cellXfs>
  <cellStyles count="3">
    <cellStyle name="標準" xfId="0" builtinId="0"/>
    <cellStyle name="標準 2" xfId="1" xr:uid="{00000000-0005-0000-0000-000002000000}"/>
    <cellStyle name="標準_Sheet1" xfId="2" xr:uid="{00000000-0005-0000-0000-000003000000}"/>
  </cellStyles>
  <dxfs count="0"/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>
    <pageSetUpPr fitToPage="1"/>
  </sheetPr>
  <dimension ref="A1:E155"/>
  <sheetViews>
    <sheetView tabSelected="1" view="pageBreakPreview" zoomScale="70" zoomScaleNormal="100" zoomScaleSheetLayoutView="70" workbookViewId="0">
      <pane ySplit="2" topLeftCell="A3" activePane="bottomLeft" state="frozen"/>
      <selection activeCell="B11" sqref="B11"/>
      <selection pane="bottomLeft" activeCell="C18" sqref="C18"/>
    </sheetView>
  </sheetViews>
  <sheetFormatPr defaultColWidth="9" defaultRowHeight="23.1" customHeight="1" x14ac:dyDescent="0.2"/>
  <cols>
    <col min="1" max="1" width="4.19921875" style="10" bestFit="1" customWidth="1"/>
    <col min="2" max="2" width="17.09765625" style="11" customWidth="1"/>
    <col min="3" max="3" width="54.59765625" style="11" customWidth="1"/>
    <col min="4" max="4" width="62.59765625" style="11" customWidth="1"/>
    <col min="5" max="5" width="13.19921875" style="11" customWidth="1"/>
    <col min="6" max="16384" width="9" style="12"/>
  </cols>
  <sheetData>
    <row r="1" spans="1:5" ht="23.1" customHeight="1" x14ac:dyDescent="0.2">
      <c r="A1" s="13" t="s">
        <v>251</v>
      </c>
      <c r="B1" s="13"/>
      <c r="C1" s="13"/>
      <c r="D1" s="13"/>
      <c r="E1" s="13"/>
    </row>
    <row r="2" spans="1:5" ht="23.1" customHeight="1" x14ac:dyDescent="0.2">
      <c r="A2" s="4" t="s">
        <v>235</v>
      </c>
      <c r="B2" s="4" t="s">
        <v>4</v>
      </c>
      <c r="C2" s="4" t="s">
        <v>0</v>
      </c>
      <c r="D2" s="4" t="s">
        <v>1</v>
      </c>
      <c r="E2" s="4" t="s">
        <v>2</v>
      </c>
    </row>
    <row r="3" spans="1:5" ht="23.1" customHeight="1" x14ac:dyDescent="0.2">
      <c r="A3" s="1">
        <v>1</v>
      </c>
      <c r="B3" s="7" t="s">
        <v>6</v>
      </c>
      <c r="C3" s="2" t="s">
        <v>7</v>
      </c>
      <c r="D3" s="2" t="s">
        <v>228</v>
      </c>
      <c r="E3" s="2" t="s">
        <v>5</v>
      </c>
    </row>
    <row r="4" spans="1:5" ht="23.1" customHeight="1" x14ac:dyDescent="0.2">
      <c r="A4" s="1">
        <v>2</v>
      </c>
      <c r="B4" s="7" t="s">
        <v>8</v>
      </c>
      <c r="C4" s="2" t="s">
        <v>9</v>
      </c>
      <c r="D4" s="2" t="s">
        <v>10</v>
      </c>
      <c r="E4" s="2" t="s">
        <v>5</v>
      </c>
    </row>
    <row r="5" spans="1:5" ht="23.1" customHeight="1" x14ac:dyDescent="0.2">
      <c r="A5" s="1">
        <v>3</v>
      </c>
      <c r="B5" s="7" t="s">
        <v>11</v>
      </c>
      <c r="C5" s="2" t="s">
        <v>236</v>
      </c>
      <c r="D5" s="2" t="s">
        <v>12</v>
      </c>
      <c r="E5" s="2" t="s">
        <v>5</v>
      </c>
    </row>
    <row r="6" spans="1:5" ht="23.1" customHeight="1" x14ac:dyDescent="0.2">
      <c r="A6" s="1">
        <v>4</v>
      </c>
      <c r="B6" s="7" t="s">
        <v>13</v>
      </c>
      <c r="C6" s="2" t="s">
        <v>237</v>
      </c>
      <c r="D6" s="2" t="s">
        <v>12</v>
      </c>
      <c r="E6" s="2" t="s">
        <v>3</v>
      </c>
    </row>
    <row r="7" spans="1:5" ht="23.1" customHeight="1" x14ac:dyDescent="0.2">
      <c r="A7" s="1">
        <v>5</v>
      </c>
      <c r="B7" s="7" t="s">
        <v>14</v>
      </c>
      <c r="C7" s="2" t="s">
        <v>15</v>
      </c>
      <c r="D7" s="2" t="s">
        <v>16</v>
      </c>
      <c r="E7" s="2" t="s">
        <v>5</v>
      </c>
    </row>
    <row r="8" spans="1:5" ht="23.1" customHeight="1" x14ac:dyDescent="0.2">
      <c r="A8" s="1">
        <v>6</v>
      </c>
      <c r="B8" s="7" t="s">
        <v>17</v>
      </c>
      <c r="C8" s="2" t="s">
        <v>18</v>
      </c>
      <c r="D8" s="2" t="s">
        <v>16</v>
      </c>
      <c r="E8" s="2" t="s">
        <v>5</v>
      </c>
    </row>
    <row r="9" spans="1:5" ht="23.1" customHeight="1" x14ac:dyDescent="0.2">
      <c r="A9" s="1">
        <v>7</v>
      </c>
      <c r="B9" s="7" t="s">
        <v>19</v>
      </c>
      <c r="C9" s="2" t="s">
        <v>20</v>
      </c>
      <c r="D9" s="2" t="s">
        <v>21</v>
      </c>
      <c r="E9" s="2" t="s">
        <v>5</v>
      </c>
    </row>
    <row r="10" spans="1:5" ht="23.1" customHeight="1" x14ac:dyDescent="0.2">
      <c r="A10" s="1">
        <v>8</v>
      </c>
      <c r="B10" s="7" t="s">
        <v>22</v>
      </c>
      <c r="C10" s="2" t="s">
        <v>23</v>
      </c>
      <c r="D10" s="2" t="s">
        <v>24</v>
      </c>
      <c r="E10" s="2" t="s">
        <v>5</v>
      </c>
    </row>
    <row r="11" spans="1:5" ht="23.1" customHeight="1" x14ac:dyDescent="0.2">
      <c r="A11" s="1">
        <v>9</v>
      </c>
      <c r="B11" s="7" t="s">
        <v>240</v>
      </c>
      <c r="C11" s="2" t="s">
        <v>241</v>
      </c>
      <c r="D11" s="2" t="s">
        <v>242</v>
      </c>
      <c r="E11" s="2" t="s">
        <v>3</v>
      </c>
    </row>
    <row r="12" spans="1:5" ht="23.1" customHeight="1" x14ac:dyDescent="0.2">
      <c r="A12" s="1">
        <v>10</v>
      </c>
      <c r="B12" s="7" t="s">
        <v>249</v>
      </c>
      <c r="C12" s="2" t="s">
        <v>229</v>
      </c>
      <c r="D12" s="2" t="s">
        <v>230</v>
      </c>
      <c r="E12" s="2" t="s">
        <v>3</v>
      </c>
    </row>
    <row r="13" spans="1:5" ht="23.1" customHeight="1" x14ac:dyDescent="0.2">
      <c r="A13" s="1">
        <v>11</v>
      </c>
      <c r="B13" s="7" t="s">
        <v>25</v>
      </c>
      <c r="C13" s="2" t="s">
        <v>231</v>
      </c>
      <c r="D13" s="2" t="s">
        <v>26</v>
      </c>
      <c r="E13" s="2" t="s">
        <v>5</v>
      </c>
    </row>
    <row r="14" spans="1:5" ht="23.1" customHeight="1" x14ac:dyDescent="0.2">
      <c r="A14" s="1">
        <v>12</v>
      </c>
      <c r="B14" s="7" t="s">
        <v>27</v>
      </c>
      <c r="C14" s="2" t="s">
        <v>28</v>
      </c>
      <c r="D14" s="2" t="s">
        <v>29</v>
      </c>
      <c r="E14" s="2" t="s">
        <v>5</v>
      </c>
    </row>
    <row r="15" spans="1:5" ht="23.1" customHeight="1" x14ac:dyDescent="0.2">
      <c r="A15" s="1">
        <v>13</v>
      </c>
      <c r="B15" s="9" t="s">
        <v>30</v>
      </c>
      <c r="C15" s="5" t="s">
        <v>31</v>
      </c>
      <c r="D15" s="2" t="s">
        <v>32</v>
      </c>
      <c r="E15" s="2" t="s">
        <v>5</v>
      </c>
    </row>
    <row r="16" spans="1:5" ht="23.1" customHeight="1" x14ac:dyDescent="0.2">
      <c r="A16" s="1">
        <v>14</v>
      </c>
      <c r="B16" s="7" t="s">
        <v>33</v>
      </c>
      <c r="C16" s="2" t="s">
        <v>250</v>
      </c>
      <c r="D16" s="2" t="s">
        <v>34</v>
      </c>
      <c r="E16" s="2" t="s">
        <v>3</v>
      </c>
    </row>
    <row r="17" spans="1:5" ht="23.1" customHeight="1" x14ac:dyDescent="0.2">
      <c r="A17" s="1">
        <v>15</v>
      </c>
      <c r="B17" s="7" t="s">
        <v>35</v>
      </c>
      <c r="C17" s="2" t="s">
        <v>36</v>
      </c>
      <c r="D17" s="2" t="s">
        <v>37</v>
      </c>
      <c r="E17" s="2" t="s">
        <v>3</v>
      </c>
    </row>
    <row r="18" spans="1:5" ht="23.1" customHeight="1" x14ac:dyDescent="0.2">
      <c r="A18" s="1">
        <v>16</v>
      </c>
      <c r="B18" s="7" t="s">
        <v>38</v>
      </c>
      <c r="C18" s="5" t="s">
        <v>39</v>
      </c>
      <c r="D18" s="2" t="s">
        <v>40</v>
      </c>
      <c r="E18" s="2" t="s">
        <v>3</v>
      </c>
    </row>
    <row r="19" spans="1:5" ht="23.1" customHeight="1" x14ac:dyDescent="0.2">
      <c r="A19" s="1">
        <v>17</v>
      </c>
      <c r="B19" s="7" t="s">
        <v>232</v>
      </c>
      <c r="C19" s="2" t="s">
        <v>233</v>
      </c>
      <c r="D19" s="2" t="s">
        <v>234</v>
      </c>
      <c r="E19" s="2" t="s">
        <v>3</v>
      </c>
    </row>
    <row r="20" spans="1:5" ht="23.1" customHeight="1" x14ac:dyDescent="0.2">
      <c r="A20" s="1">
        <v>18</v>
      </c>
      <c r="B20" s="7" t="s">
        <v>41</v>
      </c>
      <c r="C20" s="2" t="s">
        <v>42</v>
      </c>
      <c r="D20" s="2" t="s">
        <v>43</v>
      </c>
      <c r="E20" s="2" t="s">
        <v>3</v>
      </c>
    </row>
    <row r="21" spans="1:5" ht="23.1" customHeight="1" x14ac:dyDescent="0.2">
      <c r="A21" s="1">
        <v>19</v>
      </c>
      <c r="B21" s="7" t="s">
        <v>44</v>
      </c>
      <c r="C21" s="2" t="s">
        <v>45</v>
      </c>
      <c r="D21" s="2" t="s">
        <v>46</v>
      </c>
      <c r="E21" s="2" t="s">
        <v>3</v>
      </c>
    </row>
    <row r="22" spans="1:5" ht="23.1" customHeight="1" x14ac:dyDescent="0.2">
      <c r="A22" s="1">
        <v>20</v>
      </c>
      <c r="B22" s="7" t="s">
        <v>245</v>
      </c>
      <c r="C22" s="2" t="s">
        <v>243</v>
      </c>
      <c r="D22" s="2" t="s">
        <v>244</v>
      </c>
      <c r="E22" s="2" t="s">
        <v>3</v>
      </c>
    </row>
    <row r="23" spans="1:5" ht="23.1" customHeight="1" x14ac:dyDescent="0.2">
      <c r="A23" s="1">
        <v>21</v>
      </c>
      <c r="B23" s="7" t="s">
        <v>47</v>
      </c>
      <c r="C23" s="2" t="s">
        <v>48</v>
      </c>
      <c r="D23" s="2" t="s">
        <v>49</v>
      </c>
      <c r="E23" s="2" t="s">
        <v>5</v>
      </c>
    </row>
    <row r="24" spans="1:5" ht="23.1" customHeight="1" x14ac:dyDescent="0.2">
      <c r="A24" s="1">
        <v>22</v>
      </c>
      <c r="B24" s="7" t="s">
        <v>50</v>
      </c>
      <c r="C24" s="2" t="s">
        <v>51</v>
      </c>
      <c r="D24" s="2" t="s">
        <v>52</v>
      </c>
      <c r="E24" s="2" t="s">
        <v>5</v>
      </c>
    </row>
    <row r="25" spans="1:5" ht="23.1" customHeight="1" x14ac:dyDescent="0.2">
      <c r="A25" s="1">
        <v>23</v>
      </c>
      <c r="B25" s="7" t="s">
        <v>53</v>
      </c>
      <c r="C25" s="2" t="s">
        <v>54</v>
      </c>
      <c r="D25" s="2" t="s">
        <v>55</v>
      </c>
      <c r="E25" s="2" t="s">
        <v>3</v>
      </c>
    </row>
    <row r="26" spans="1:5" ht="23.1" customHeight="1" x14ac:dyDescent="0.2">
      <c r="A26" s="1">
        <v>24</v>
      </c>
      <c r="B26" s="8" t="s">
        <v>56</v>
      </c>
      <c r="C26" s="2" t="s">
        <v>57</v>
      </c>
      <c r="D26" s="2" t="s">
        <v>58</v>
      </c>
      <c r="E26" s="2" t="s">
        <v>3</v>
      </c>
    </row>
    <row r="27" spans="1:5" ht="23.1" customHeight="1" x14ac:dyDescent="0.2">
      <c r="A27" s="1">
        <v>25</v>
      </c>
      <c r="B27" s="8" t="s">
        <v>59</v>
      </c>
      <c r="C27" s="2" t="s">
        <v>60</v>
      </c>
      <c r="D27" s="2" t="s">
        <v>61</v>
      </c>
      <c r="E27" s="2" t="s">
        <v>3</v>
      </c>
    </row>
    <row r="28" spans="1:5" ht="23.1" customHeight="1" x14ac:dyDescent="0.2">
      <c r="A28" s="1">
        <v>26</v>
      </c>
      <c r="B28" s="3" t="s">
        <v>62</v>
      </c>
      <c r="C28" s="2" t="s">
        <v>63</v>
      </c>
      <c r="D28" s="2" t="s">
        <v>64</v>
      </c>
      <c r="E28" s="2" t="s">
        <v>3</v>
      </c>
    </row>
    <row r="29" spans="1:5" ht="23.1" customHeight="1" x14ac:dyDescent="0.2">
      <c r="A29" s="1">
        <v>27</v>
      </c>
      <c r="B29" s="3" t="s">
        <v>65</v>
      </c>
      <c r="C29" s="2" t="s">
        <v>66</v>
      </c>
      <c r="D29" s="2" t="s">
        <v>67</v>
      </c>
      <c r="E29" s="2" t="s">
        <v>3</v>
      </c>
    </row>
    <row r="30" spans="1:5" ht="23.1" customHeight="1" x14ac:dyDescent="0.2">
      <c r="A30" s="1">
        <v>28</v>
      </c>
      <c r="B30" s="1" t="s">
        <v>68</v>
      </c>
      <c r="C30" s="2" t="s">
        <v>69</v>
      </c>
      <c r="D30" s="2" t="s">
        <v>70</v>
      </c>
      <c r="E30" s="2" t="s">
        <v>3</v>
      </c>
    </row>
    <row r="31" spans="1:5" ht="23.1" customHeight="1" x14ac:dyDescent="0.2">
      <c r="A31" s="1">
        <v>29</v>
      </c>
      <c r="B31" s="1" t="s">
        <v>71</v>
      </c>
      <c r="C31" s="2" t="s">
        <v>72</v>
      </c>
      <c r="D31" s="2" t="s">
        <v>73</v>
      </c>
      <c r="E31" s="2" t="s">
        <v>5</v>
      </c>
    </row>
    <row r="32" spans="1:5" ht="23.1" customHeight="1" x14ac:dyDescent="0.2">
      <c r="A32" s="1">
        <v>30</v>
      </c>
      <c r="B32" s="1" t="s">
        <v>74</v>
      </c>
      <c r="C32" s="2" t="s">
        <v>75</v>
      </c>
      <c r="D32" s="2" t="s">
        <v>76</v>
      </c>
      <c r="E32" s="2" t="s">
        <v>5</v>
      </c>
    </row>
    <row r="33" spans="1:5" ht="23.1" customHeight="1" x14ac:dyDescent="0.2">
      <c r="A33" s="1">
        <v>31</v>
      </c>
      <c r="B33" s="1" t="s">
        <v>77</v>
      </c>
      <c r="C33" s="2" t="s">
        <v>78</v>
      </c>
      <c r="D33" s="2" t="s">
        <v>79</v>
      </c>
      <c r="E33" s="2" t="s">
        <v>3</v>
      </c>
    </row>
    <row r="34" spans="1:5" ht="23.1" customHeight="1" x14ac:dyDescent="0.2">
      <c r="A34" s="1">
        <v>32</v>
      </c>
      <c r="B34" s="1" t="s">
        <v>80</v>
      </c>
      <c r="C34" s="2" t="s">
        <v>223</v>
      </c>
      <c r="D34" s="2" t="s">
        <v>81</v>
      </c>
      <c r="E34" s="2" t="s">
        <v>3</v>
      </c>
    </row>
    <row r="35" spans="1:5" ht="23.1" customHeight="1" x14ac:dyDescent="0.2">
      <c r="A35" s="1">
        <v>33</v>
      </c>
      <c r="B35" s="1" t="s">
        <v>82</v>
      </c>
      <c r="C35" s="2" t="s">
        <v>83</v>
      </c>
      <c r="D35" s="2" t="s">
        <v>84</v>
      </c>
      <c r="E35" s="2" t="s">
        <v>3</v>
      </c>
    </row>
    <row r="36" spans="1:5" ht="23.1" customHeight="1" x14ac:dyDescent="0.2">
      <c r="A36" s="1">
        <v>34</v>
      </c>
      <c r="B36" s="1" t="s">
        <v>85</v>
      </c>
      <c r="C36" s="2" t="s">
        <v>86</v>
      </c>
      <c r="D36" s="2" t="s">
        <v>87</v>
      </c>
      <c r="E36" s="2" t="s">
        <v>5</v>
      </c>
    </row>
    <row r="37" spans="1:5" ht="23.1" customHeight="1" x14ac:dyDescent="0.2">
      <c r="A37" s="1">
        <v>35</v>
      </c>
      <c r="B37" s="1" t="s">
        <v>88</v>
      </c>
      <c r="C37" s="2" t="s">
        <v>89</v>
      </c>
      <c r="D37" s="2" t="s">
        <v>90</v>
      </c>
      <c r="E37" s="2" t="s">
        <v>5</v>
      </c>
    </row>
    <row r="38" spans="1:5" ht="23.1" customHeight="1" x14ac:dyDescent="0.2">
      <c r="A38" s="1">
        <v>36</v>
      </c>
      <c r="B38" s="1" t="s">
        <v>91</v>
      </c>
      <c r="C38" s="2" t="s">
        <v>92</v>
      </c>
      <c r="D38" s="2" t="s">
        <v>93</v>
      </c>
      <c r="E38" s="2" t="s">
        <v>5</v>
      </c>
    </row>
    <row r="39" spans="1:5" ht="23.1" customHeight="1" x14ac:dyDescent="0.2">
      <c r="A39" s="1">
        <v>37</v>
      </c>
      <c r="B39" s="1" t="s">
        <v>94</v>
      </c>
      <c r="C39" s="2" t="s">
        <v>95</v>
      </c>
      <c r="D39" s="2" t="s">
        <v>96</v>
      </c>
      <c r="E39" s="2" t="s">
        <v>5</v>
      </c>
    </row>
    <row r="40" spans="1:5" ht="23.1" customHeight="1" x14ac:dyDescent="0.2">
      <c r="A40" s="1">
        <v>38</v>
      </c>
      <c r="B40" s="1" t="s">
        <v>97</v>
      </c>
      <c r="C40" s="2" t="s">
        <v>98</v>
      </c>
      <c r="D40" s="2" t="s">
        <v>99</v>
      </c>
      <c r="E40" s="2" t="s">
        <v>5</v>
      </c>
    </row>
    <row r="41" spans="1:5" ht="23.1" customHeight="1" x14ac:dyDescent="0.2">
      <c r="A41" s="1">
        <v>39</v>
      </c>
      <c r="B41" s="1" t="s">
        <v>100</v>
      </c>
      <c r="C41" s="2" t="s">
        <v>101</v>
      </c>
      <c r="D41" s="2" t="s">
        <v>102</v>
      </c>
      <c r="E41" s="2" t="s">
        <v>5</v>
      </c>
    </row>
    <row r="42" spans="1:5" ht="23.1" customHeight="1" x14ac:dyDescent="0.2">
      <c r="A42" s="1">
        <v>40</v>
      </c>
      <c r="B42" s="1" t="s">
        <v>103</v>
      </c>
      <c r="C42" s="2" t="s">
        <v>104</v>
      </c>
      <c r="D42" s="2" t="s">
        <v>105</v>
      </c>
      <c r="E42" s="2" t="s">
        <v>5</v>
      </c>
    </row>
    <row r="43" spans="1:5" ht="23.1" customHeight="1" x14ac:dyDescent="0.2">
      <c r="A43" s="1">
        <v>41</v>
      </c>
      <c r="B43" s="1" t="s">
        <v>106</v>
      </c>
      <c r="C43" s="2" t="s">
        <v>107</v>
      </c>
      <c r="D43" s="2" t="s">
        <v>108</v>
      </c>
      <c r="E43" s="2" t="s">
        <v>5</v>
      </c>
    </row>
    <row r="44" spans="1:5" ht="23.1" customHeight="1" x14ac:dyDescent="0.2">
      <c r="A44" s="1">
        <v>42</v>
      </c>
      <c r="B44" s="1" t="s">
        <v>109</v>
      </c>
      <c r="C44" s="2" t="s">
        <v>110</v>
      </c>
      <c r="D44" s="2" t="s">
        <v>111</v>
      </c>
      <c r="E44" s="2" t="s">
        <v>5</v>
      </c>
    </row>
    <row r="45" spans="1:5" ht="23.1" customHeight="1" x14ac:dyDescent="0.2">
      <c r="A45" s="1">
        <v>43</v>
      </c>
      <c r="B45" s="1" t="s">
        <v>112</v>
      </c>
      <c r="C45" s="2" t="s">
        <v>113</v>
      </c>
      <c r="D45" s="2" t="s">
        <v>114</v>
      </c>
      <c r="E45" s="2" t="s">
        <v>5</v>
      </c>
    </row>
    <row r="46" spans="1:5" ht="23.1" customHeight="1" x14ac:dyDescent="0.2">
      <c r="A46" s="1">
        <v>44</v>
      </c>
      <c r="B46" s="1" t="s">
        <v>115</v>
      </c>
      <c r="C46" s="2" t="s">
        <v>116</v>
      </c>
      <c r="D46" s="2" t="s">
        <v>117</v>
      </c>
      <c r="E46" s="2" t="s">
        <v>3</v>
      </c>
    </row>
    <row r="47" spans="1:5" ht="23.1" customHeight="1" x14ac:dyDescent="0.2">
      <c r="A47" s="1">
        <v>45</v>
      </c>
      <c r="B47" s="1" t="s">
        <v>118</v>
      </c>
      <c r="C47" s="2" t="s">
        <v>119</v>
      </c>
      <c r="D47" s="2" t="s">
        <v>120</v>
      </c>
      <c r="E47" s="2" t="s">
        <v>5</v>
      </c>
    </row>
    <row r="48" spans="1:5" ht="23.1" customHeight="1" x14ac:dyDescent="0.2">
      <c r="A48" s="1">
        <v>46</v>
      </c>
      <c r="B48" s="1" t="s">
        <v>121</v>
      </c>
      <c r="C48" s="2" t="s">
        <v>122</v>
      </c>
      <c r="D48" s="2" t="s">
        <v>123</v>
      </c>
      <c r="E48" s="2" t="s">
        <v>5</v>
      </c>
    </row>
    <row r="49" spans="1:5" ht="23.1" customHeight="1" x14ac:dyDescent="0.2">
      <c r="A49" s="1">
        <v>47</v>
      </c>
      <c r="B49" s="1" t="s">
        <v>124</v>
      </c>
      <c r="C49" s="2" t="s">
        <v>125</v>
      </c>
      <c r="D49" s="2" t="s">
        <v>126</v>
      </c>
      <c r="E49" s="2" t="s">
        <v>5</v>
      </c>
    </row>
    <row r="50" spans="1:5" ht="23.1" customHeight="1" x14ac:dyDescent="0.2">
      <c r="A50" s="1">
        <v>48</v>
      </c>
      <c r="B50" s="1" t="s">
        <v>127</v>
      </c>
      <c r="C50" s="2" t="s">
        <v>128</v>
      </c>
      <c r="D50" s="2" t="s">
        <v>224</v>
      </c>
      <c r="E50" s="2" t="s">
        <v>5</v>
      </c>
    </row>
    <row r="51" spans="1:5" ht="23.1" customHeight="1" x14ac:dyDescent="0.2">
      <c r="A51" s="1">
        <v>49</v>
      </c>
      <c r="B51" s="3" t="s">
        <v>129</v>
      </c>
      <c r="C51" s="2" t="s">
        <v>130</v>
      </c>
      <c r="D51" s="2" t="s">
        <v>131</v>
      </c>
      <c r="E51" s="2" t="s">
        <v>5</v>
      </c>
    </row>
    <row r="52" spans="1:5" ht="23.1" customHeight="1" x14ac:dyDescent="0.2">
      <c r="A52" s="1">
        <v>50</v>
      </c>
      <c r="B52" s="1" t="s">
        <v>132</v>
      </c>
      <c r="C52" s="2" t="s">
        <v>133</v>
      </c>
      <c r="D52" s="2" t="s">
        <v>134</v>
      </c>
      <c r="E52" s="2" t="s">
        <v>5</v>
      </c>
    </row>
    <row r="53" spans="1:5" ht="23.1" customHeight="1" x14ac:dyDescent="0.2">
      <c r="A53" s="1">
        <v>51</v>
      </c>
      <c r="B53" s="1" t="s">
        <v>135</v>
      </c>
      <c r="C53" s="2" t="s">
        <v>136</v>
      </c>
      <c r="D53" s="2" t="s">
        <v>137</v>
      </c>
      <c r="E53" s="2" t="s">
        <v>5</v>
      </c>
    </row>
    <row r="54" spans="1:5" ht="23.1" customHeight="1" x14ac:dyDescent="0.2">
      <c r="A54" s="1">
        <v>52</v>
      </c>
      <c r="B54" s="1" t="s">
        <v>138</v>
      </c>
      <c r="C54" s="2" t="s">
        <v>139</v>
      </c>
      <c r="D54" s="2" t="s">
        <v>140</v>
      </c>
      <c r="E54" s="2" t="s">
        <v>5</v>
      </c>
    </row>
    <row r="55" spans="1:5" ht="23.1" customHeight="1" x14ac:dyDescent="0.2">
      <c r="A55" s="1">
        <v>53</v>
      </c>
      <c r="B55" s="1" t="s">
        <v>141</v>
      </c>
      <c r="C55" s="2" t="s">
        <v>142</v>
      </c>
      <c r="D55" s="2" t="s">
        <v>143</v>
      </c>
      <c r="E55" s="2" t="s">
        <v>5</v>
      </c>
    </row>
    <row r="56" spans="1:5" ht="23.1" customHeight="1" x14ac:dyDescent="0.2">
      <c r="A56" s="1">
        <v>54</v>
      </c>
      <c r="B56" s="1" t="s">
        <v>144</v>
      </c>
      <c r="C56" s="2" t="s">
        <v>145</v>
      </c>
      <c r="D56" s="2" t="s">
        <v>146</v>
      </c>
      <c r="E56" s="2" t="s">
        <v>5</v>
      </c>
    </row>
    <row r="57" spans="1:5" ht="23.1" customHeight="1" x14ac:dyDescent="0.2">
      <c r="A57" s="1">
        <v>55</v>
      </c>
      <c r="B57" s="1" t="s">
        <v>147</v>
      </c>
      <c r="C57" s="2" t="s">
        <v>148</v>
      </c>
      <c r="D57" s="2" t="s">
        <v>149</v>
      </c>
      <c r="E57" s="2" t="s">
        <v>5</v>
      </c>
    </row>
    <row r="58" spans="1:5" ht="23.1" customHeight="1" x14ac:dyDescent="0.2">
      <c r="A58" s="1">
        <v>56</v>
      </c>
      <c r="B58" s="1" t="s">
        <v>150</v>
      </c>
      <c r="C58" s="2" t="s">
        <v>151</v>
      </c>
      <c r="D58" s="2" t="s">
        <v>152</v>
      </c>
      <c r="E58" s="2" t="s">
        <v>5</v>
      </c>
    </row>
    <row r="59" spans="1:5" ht="23.1" customHeight="1" x14ac:dyDescent="0.2">
      <c r="A59" s="1">
        <v>57</v>
      </c>
      <c r="B59" s="1" t="s">
        <v>153</v>
      </c>
      <c r="C59" s="2" t="s">
        <v>154</v>
      </c>
      <c r="D59" s="2" t="s">
        <v>155</v>
      </c>
      <c r="E59" s="2" t="s">
        <v>5</v>
      </c>
    </row>
    <row r="60" spans="1:5" ht="23.1" customHeight="1" x14ac:dyDescent="0.2">
      <c r="A60" s="1">
        <v>58</v>
      </c>
      <c r="B60" s="1" t="s">
        <v>156</v>
      </c>
      <c r="C60" s="2" t="s">
        <v>157</v>
      </c>
      <c r="D60" s="2" t="s">
        <v>158</v>
      </c>
      <c r="E60" s="2" t="s">
        <v>5</v>
      </c>
    </row>
    <row r="61" spans="1:5" ht="23.1" customHeight="1" x14ac:dyDescent="0.2">
      <c r="A61" s="1">
        <v>59</v>
      </c>
      <c r="B61" s="1" t="s">
        <v>159</v>
      </c>
      <c r="C61" s="2" t="s">
        <v>160</v>
      </c>
      <c r="D61" s="2" t="s">
        <v>161</v>
      </c>
      <c r="E61" s="2" t="s">
        <v>5</v>
      </c>
    </row>
    <row r="62" spans="1:5" ht="23.1" customHeight="1" x14ac:dyDescent="0.2">
      <c r="A62" s="1">
        <v>60</v>
      </c>
      <c r="B62" s="1" t="s">
        <v>162</v>
      </c>
      <c r="C62" s="2" t="s">
        <v>163</v>
      </c>
      <c r="D62" s="2" t="s">
        <v>164</v>
      </c>
      <c r="E62" s="2" t="s">
        <v>5</v>
      </c>
    </row>
    <row r="63" spans="1:5" ht="23.1" customHeight="1" x14ac:dyDescent="0.2">
      <c r="A63" s="1">
        <v>61</v>
      </c>
      <c r="B63" s="1" t="s">
        <v>165</v>
      </c>
      <c r="C63" s="2" t="s">
        <v>166</v>
      </c>
      <c r="D63" s="2" t="s">
        <v>167</v>
      </c>
      <c r="E63" s="2" t="s">
        <v>5</v>
      </c>
    </row>
    <row r="64" spans="1:5" ht="23.1" customHeight="1" x14ac:dyDescent="0.2">
      <c r="A64" s="1">
        <v>62</v>
      </c>
      <c r="B64" s="1" t="s">
        <v>168</v>
      </c>
      <c r="C64" s="2" t="s">
        <v>169</v>
      </c>
      <c r="D64" s="2" t="s">
        <v>170</v>
      </c>
      <c r="E64" s="2" t="s">
        <v>5</v>
      </c>
    </row>
    <row r="65" spans="1:5" ht="23.1" customHeight="1" x14ac:dyDescent="0.2">
      <c r="A65" s="1">
        <v>63</v>
      </c>
      <c r="B65" s="1" t="s">
        <v>171</v>
      </c>
      <c r="C65" s="2" t="s">
        <v>172</v>
      </c>
      <c r="D65" s="2" t="s">
        <v>226</v>
      </c>
      <c r="E65" s="2" t="s">
        <v>5</v>
      </c>
    </row>
    <row r="66" spans="1:5" ht="23.1" customHeight="1" x14ac:dyDescent="0.2">
      <c r="A66" s="1">
        <v>64</v>
      </c>
      <c r="B66" s="1" t="s">
        <v>173</v>
      </c>
      <c r="C66" s="2" t="s">
        <v>174</v>
      </c>
      <c r="D66" s="2" t="s">
        <v>175</v>
      </c>
      <c r="E66" s="2" t="s">
        <v>5</v>
      </c>
    </row>
    <row r="67" spans="1:5" ht="23.1" customHeight="1" x14ac:dyDescent="0.2">
      <c r="A67" s="1">
        <v>65</v>
      </c>
      <c r="B67" s="1" t="s">
        <v>176</v>
      </c>
      <c r="C67" s="2" t="s">
        <v>177</v>
      </c>
      <c r="D67" s="2" t="s">
        <v>178</v>
      </c>
      <c r="E67" s="2" t="s">
        <v>5</v>
      </c>
    </row>
    <row r="68" spans="1:5" ht="23.1" customHeight="1" x14ac:dyDescent="0.2">
      <c r="A68" s="1">
        <v>66</v>
      </c>
      <c r="B68" s="1" t="s">
        <v>179</v>
      </c>
      <c r="C68" s="2" t="s">
        <v>180</v>
      </c>
      <c r="D68" s="2" t="s">
        <v>181</v>
      </c>
      <c r="E68" s="2" t="s">
        <v>5</v>
      </c>
    </row>
    <row r="69" spans="1:5" ht="23.1" customHeight="1" x14ac:dyDescent="0.2">
      <c r="A69" s="1">
        <v>67</v>
      </c>
      <c r="B69" s="1" t="s">
        <v>182</v>
      </c>
      <c r="C69" s="2" t="s">
        <v>183</v>
      </c>
      <c r="D69" s="2" t="s">
        <v>184</v>
      </c>
      <c r="E69" s="2" t="s">
        <v>5</v>
      </c>
    </row>
    <row r="70" spans="1:5" ht="23.1" customHeight="1" x14ac:dyDescent="0.2">
      <c r="A70" s="1">
        <v>68</v>
      </c>
      <c r="B70" s="3" t="s">
        <v>185</v>
      </c>
      <c r="C70" s="2" t="s">
        <v>239</v>
      </c>
      <c r="D70" s="2" t="s">
        <v>186</v>
      </c>
      <c r="E70" s="2" t="s">
        <v>5</v>
      </c>
    </row>
    <row r="71" spans="1:5" ht="23.1" customHeight="1" x14ac:dyDescent="0.2">
      <c r="A71" s="1">
        <v>69</v>
      </c>
      <c r="B71" s="1" t="s">
        <v>187</v>
      </c>
      <c r="C71" s="6" t="s">
        <v>188</v>
      </c>
      <c r="D71" s="6" t="s">
        <v>225</v>
      </c>
      <c r="E71" s="2" t="s">
        <v>5</v>
      </c>
    </row>
    <row r="72" spans="1:5" ht="23.1" customHeight="1" x14ac:dyDescent="0.2">
      <c r="A72" s="1">
        <v>70</v>
      </c>
      <c r="B72" s="1" t="s">
        <v>189</v>
      </c>
      <c r="C72" s="2" t="s">
        <v>190</v>
      </c>
      <c r="D72" s="2" t="s">
        <v>191</v>
      </c>
      <c r="E72" s="2" t="s">
        <v>5</v>
      </c>
    </row>
    <row r="73" spans="1:5" ht="23.1" customHeight="1" x14ac:dyDescent="0.2">
      <c r="A73" s="1">
        <v>71</v>
      </c>
      <c r="B73" s="1" t="s">
        <v>192</v>
      </c>
      <c r="C73" s="2" t="s">
        <v>238</v>
      </c>
      <c r="D73" s="2" t="s">
        <v>248</v>
      </c>
      <c r="E73" s="2" t="s">
        <v>5</v>
      </c>
    </row>
    <row r="74" spans="1:5" ht="23.1" customHeight="1" x14ac:dyDescent="0.2">
      <c r="A74" s="1">
        <v>72</v>
      </c>
      <c r="B74" s="1" t="s">
        <v>193</v>
      </c>
      <c r="C74" s="2" t="s">
        <v>194</v>
      </c>
      <c r="D74" s="2" t="s">
        <v>247</v>
      </c>
      <c r="E74" s="2" t="s">
        <v>5</v>
      </c>
    </row>
    <row r="75" spans="1:5" ht="23.1" customHeight="1" x14ac:dyDescent="0.2">
      <c r="A75" s="1">
        <v>73</v>
      </c>
      <c r="B75" s="3" t="s">
        <v>195</v>
      </c>
      <c r="C75" s="2" t="s">
        <v>196</v>
      </c>
      <c r="D75" s="2" t="s">
        <v>197</v>
      </c>
      <c r="E75" s="2" t="s">
        <v>5</v>
      </c>
    </row>
    <row r="76" spans="1:5" ht="23.1" customHeight="1" x14ac:dyDescent="0.2">
      <c r="A76" s="1">
        <v>74</v>
      </c>
      <c r="B76" s="1" t="s">
        <v>198</v>
      </c>
      <c r="C76" s="2" t="s">
        <v>199</v>
      </c>
      <c r="D76" s="2" t="s">
        <v>200</v>
      </c>
      <c r="E76" s="2" t="s">
        <v>5</v>
      </c>
    </row>
    <row r="77" spans="1:5" ht="23.1" customHeight="1" x14ac:dyDescent="0.2">
      <c r="A77" s="1">
        <v>75</v>
      </c>
      <c r="B77" s="1" t="s">
        <v>201</v>
      </c>
      <c r="C77" s="2" t="s">
        <v>202</v>
      </c>
      <c r="D77" s="2" t="s">
        <v>203</v>
      </c>
      <c r="E77" s="2" t="s">
        <v>5</v>
      </c>
    </row>
    <row r="78" spans="1:5" ht="23.1" customHeight="1" x14ac:dyDescent="0.2">
      <c r="A78" s="1">
        <v>76</v>
      </c>
      <c r="B78" s="1" t="s">
        <v>204</v>
      </c>
      <c r="C78" s="2" t="s">
        <v>227</v>
      </c>
      <c r="D78" s="2" t="s">
        <v>246</v>
      </c>
      <c r="E78" s="2" t="s">
        <v>5</v>
      </c>
    </row>
    <row r="79" spans="1:5" ht="23.1" customHeight="1" x14ac:dyDescent="0.2">
      <c r="A79" s="1">
        <v>77</v>
      </c>
      <c r="B79" s="1" t="s">
        <v>205</v>
      </c>
      <c r="C79" s="2" t="s">
        <v>206</v>
      </c>
      <c r="D79" s="2" t="s">
        <v>207</v>
      </c>
      <c r="E79" s="2" t="s">
        <v>5</v>
      </c>
    </row>
    <row r="80" spans="1:5" ht="23.1" customHeight="1" x14ac:dyDescent="0.2">
      <c r="A80" s="1">
        <v>78</v>
      </c>
      <c r="B80" s="1" t="s">
        <v>208</v>
      </c>
      <c r="C80" s="2" t="s">
        <v>209</v>
      </c>
      <c r="D80" s="2" t="s">
        <v>210</v>
      </c>
      <c r="E80" s="2" t="s">
        <v>5</v>
      </c>
    </row>
    <row r="81" spans="1:5" ht="23.1" customHeight="1" x14ac:dyDescent="0.2">
      <c r="A81" s="1">
        <v>79</v>
      </c>
      <c r="B81" s="1" t="s">
        <v>211</v>
      </c>
      <c r="C81" s="2" t="s">
        <v>212</v>
      </c>
      <c r="D81" s="2" t="s">
        <v>213</v>
      </c>
      <c r="E81" s="2" t="s">
        <v>5</v>
      </c>
    </row>
    <row r="82" spans="1:5" ht="23.1" customHeight="1" x14ac:dyDescent="0.2">
      <c r="A82" s="1">
        <v>80</v>
      </c>
      <c r="B82" s="1" t="s">
        <v>214</v>
      </c>
      <c r="C82" s="5" t="s">
        <v>215</v>
      </c>
      <c r="D82" s="2" t="s">
        <v>216</v>
      </c>
      <c r="E82" s="2" t="s">
        <v>3</v>
      </c>
    </row>
    <row r="83" spans="1:5" ht="23.1" customHeight="1" x14ac:dyDescent="0.2">
      <c r="A83" s="1">
        <v>81</v>
      </c>
      <c r="B83" s="1" t="s">
        <v>217</v>
      </c>
      <c r="C83" s="2" t="s">
        <v>218</v>
      </c>
      <c r="D83" s="2" t="s">
        <v>219</v>
      </c>
      <c r="E83" s="2" t="s">
        <v>3</v>
      </c>
    </row>
    <row r="84" spans="1:5" ht="23.1" customHeight="1" x14ac:dyDescent="0.2">
      <c r="A84" s="1">
        <v>82</v>
      </c>
      <c r="B84" s="1" t="s">
        <v>220</v>
      </c>
      <c r="C84" s="2" t="s">
        <v>221</v>
      </c>
      <c r="D84" s="2" t="s">
        <v>222</v>
      </c>
      <c r="E84" s="2" t="s">
        <v>3</v>
      </c>
    </row>
    <row r="85" spans="1:5" ht="23.1" customHeight="1" x14ac:dyDescent="0.2">
      <c r="C85" s="10"/>
      <c r="D85" s="10"/>
      <c r="E85" s="10"/>
    </row>
    <row r="86" spans="1:5" ht="23.1" customHeight="1" x14ac:dyDescent="0.2">
      <c r="C86" s="10"/>
      <c r="D86" s="10"/>
      <c r="E86" s="10"/>
    </row>
    <row r="87" spans="1:5" ht="23.1" customHeight="1" x14ac:dyDescent="0.2">
      <c r="C87" s="10"/>
      <c r="D87" s="10"/>
      <c r="E87" s="10"/>
    </row>
    <row r="88" spans="1:5" ht="23.1" customHeight="1" x14ac:dyDescent="0.2">
      <c r="C88" s="10"/>
      <c r="D88" s="10"/>
      <c r="E88" s="10"/>
    </row>
    <row r="89" spans="1:5" ht="23.1" customHeight="1" x14ac:dyDescent="0.2">
      <c r="C89" s="10"/>
      <c r="D89" s="10"/>
      <c r="E89" s="10"/>
    </row>
    <row r="90" spans="1:5" ht="23.1" customHeight="1" x14ac:dyDescent="0.2">
      <c r="C90" s="10"/>
      <c r="D90" s="10"/>
      <c r="E90" s="10"/>
    </row>
    <row r="91" spans="1:5" ht="23.1" customHeight="1" x14ac:dyDescent="0.2">
      <c r="C91" s="10"/>
      <c r="D91" s="10"/>
      <c r="E91" s="10"/>
    </row>
    <row r="92" spans="1:5" ht="23.1" customHeight="1" x14ac:dyDescent="0.2">
      <c r="C92" s="10"/>
      <c r="D92" s="10"/>
      <c r="E92" s="10"/>
    </row>
    <row r="93" spans="1:5" ht="23.1" customHeight="1" x14ac:dyDescent="0.2">
      <c r="C93" s="10"/>
      <c r="D93" s="10"/>
      <c r="E93" s="10"/>
    </row>
    <row r="94" spans="1:5" ht="23.1" customHeight="1" x14ac:dyDescent="0.2">
      <c r="C94" s="10"/>
      <c r="D94" s="10"/>
      <c r="E94" s="10"/>
    </row>
    <row r="95" spans="1:5" ht="23.1" customHeight="1" x14ac:dyDescent="0.2">
      <c r="C95" s="10"/>
      <c r="D95" s="10"/>
      <c r="E95" s="10"/>
    </row>
    <row r="96" spans="1:5" ht="23.1" customHeight="1" x14ac:dyDescent="0.2">
      <c r="C96" s="10"/>
      <c r="D96" s="10"/>
      <c r="E96" s="10"/>
    </row>
    <row r="97" spans="3:5" ht="23.1" customHeight="1" x14ac:dyDescent="0.2">
      <c r="C97" s="10"/>
      <c r="D97" s="10"/>
      <c r="E97" s="10"/>
    </row>
    <row r="98" spans="3:5" ht="23.1" customHeight="1" x14ac:dyDescent="0.2">
      <c r="C98" s="10"/>
      <c r="D98" s="10"/>
      <c r="E98" s="10"/>
    </row>
    <row r="99" spans="3:5" ht="23.1" customHeight="1" x14ac:dyDescent="0.2">
      <c r="C99" s="10"/>
      <c r="D99" s="10"/>
      <c r="E99" s="10"/>
    </row>
    <row r="100" spans="3:5" ht="23.1" customHeight="1" x14ac:dyDescent="0.2">
      <c r="C100" s="10"/>
      <c r="D100" s="10"/>
      <c r="E100" s="10"/>
    </row>
    <row r="101" spans="3:5" ht="23.1" customHeight="1" x14ac:dyDescent="0.2">
      <c r="C101" s="10"/>
      <c r="D101" s="10"/>
      <c r="E101" s="10"/>
    </row>
    <row r="102" spans="3:5" ht="23.1" customHeight="1" x14ac:dyDescent="0.2">
      <c r="C102" s="10"/>
      <c r="D102" s="10"/>
      <c r="E102" s="10"/>
    </row>
    <row r="103" spans="3:5" ht="23.1" customHeight="1" x14ac:dyDescent="0.2">
      <c r="C103" s="10"/>
      <c r="D103" s="10"/>
      <c r="E103" s="10"/>
    </row>
    <row r="104" spans="3:5" ht="23.1" customHeight="1" x14ac:dyDescent="0.2">
      <c r="C104" s="10"/>
      <c r="D104" s="10"/>
      <c r="E104" s="10"/>
    </row>
    <row r="105" spans="3:5" ht="23.1" customHeight="1" x14ac:dyDescent="0.2">
      <c r="C105" s="10"/>
      <c r="D105" s="10"/>
      <c r="E105" s="10"/>
    </row>
    <row r="106" spans="3:5" ht="23.1" customHeight="1" x14ac:dyDescent="0.2">
      <c r="C106" s="10"/>
      <c r="D106" s="10"/>
      <c r="E106" s="10"/>
    </row>
    <row r="107" spans="3:5" ht="23.1" customHeight="1" x14ac:dyDescent="0.2">
      <c r="C107" s="10"/>
      <c r="D107" s="10"/>
      <c r="E107" s="10"/>
    </row>
    <row r="108" spans="3:5" ht="23.1" customHeight="1" x14ac:dyDescent="0.2">
      <c r="C108" s="10"/>
      <c r="D108" s="10"/>
      <c r="E108" s="10"/>
    </row>
    <row r="109" spans="3:5" ht="23.1" customHeight="1" x14ac:dyDescent="0.2">
      <c r="C109" s="10"/>
      <c r="D109" s="10"/>
      <c r="E109" s="10"/>
    </row>
    <row r="110" spans="3:5" ht="23.1" customHeight="1" x14ac:dyDescent="0.2">
      <c r="C110" s="10"/>
      <c r="D110" s="10"/>
      <c r="E110" s="10"/>
    </row>
    <row r="111" spans="3:5" ht="23.1" customHeight="1" x14ac:dyDescent="0.2">
      <c r="C111" s="10"/>
      <c r="D111" s="10"/>
      <c r="E111" s="10"/>
    </row>
    <row r="112" spans="3:5" ht="23.1" customHeight="1" x14ac:dyDescent="0.2">
      <c r="C112" s="10"/>
      <c r="D112" s="10"/>
      <c r="E112" s="10"/>
    </row>
    <row r="113" spans="3:5" ht="23.1" customHeight="1" x14ac:dyDescent="0.2">
      <c r="C113" s="10"/>
      <c r="D113" s="10"/>
      <c r="E113" s="10"/>
    </row>
    <row r="114" spans="3:5" ht="23.1" customHeight="1" x14ac:dyDescent="0.2">
      <c r="C114" s="10"/>
      <c r="D114" s="10"/>
      <c r="E114" s="10"/>
    </row>
    <row r="115" spans="3:5" ht="23.1" customHeight="1" x14ac:dyDescent="0.2">
      <c r="C115" s="10"/>
      <c r="D115" s="10"/>
      <c r="E115" s="10"/>
    </row>
    <row r="116" spans="3:5" ht="23.1" customHeight="1" x14ac:dyDescent="0.2">
      <c r="C116" s="10"/>
      <c r="D116" s="10"/>
      <c r="E116" s="10"/>
    </row>
    <row r="117" spans="3:5" ht="23.1" customHeight="1" x14ac:dyDescent="0.2">
      <c r="C117" s="10"/>
      <c r="D117" s="10"/>
      <c r="E117" s="10"/>
    </row>
    <row r="118" spans="3:5" ht="23.1" customHeight="1" x14ac:dyDescent="0.2">
      <c r="C118" s="10"/>
      <c r="D118" s="10"/>
      <c r="E118" s="10"/>
    </row>
    <row r="119" spans="3:5" ht="23.1" customHeight="1" x14ac:dyDescent="0.2">
      <c r="C119" s="10"/>
      <c r="D119" s="10"/>
      <c r="E119" s="10"/>
    </row>
    <row r="120" spans="3:5" ht="23.1" customHeight="1" x14ac:dyDescent="0.2">
      <c r="C120" s="10"/>
      <c r="D120" s="10"/>
      <c r="E120" s="10"/>
    </row>
    <row r="121" spans="3:5" ht="23.1" customHeight="1" x14ac:dyDescent="0.2">
      <c r="C121" s="10"/>
      <c r="D121" s="10"/>
      <c r="E121" s="10"/>
    </row>
    <row r="122" spans="3:5" ht="23.1" customHeight="1" x14ac:dyDescent="0.2">
      <c r="C122" s="10"/>
      <c r="D122" s="10"/>
      <c r="E122" s="10"/>
    </row>
    <row r="123" spans="3:5" ht="23.1" customHeight="1" x14ac:dyDescent="0.2">
      <c r="C123" s="10"/>
      <c r="D123" s="10"/>
      <c r="E123" s="10"/>
    </row>
    <row r="124" spans="3:5" ht="23.1" customHeight="1" x14ac:dyDescent="0.2">
      <c r="C124" s="10"/>
      <c r="D124" s="10"/>
      <c r="E124" s="10"/>
    </row>
    <row r="125" spans="3:5" ht="23.1" customHeight="1" x14ac:dyDescent="0.2">
      <c r="C125" s="10"/>
      <c r="D125" s="10"/>
      <c r="E125" s="10"/>
    </row>
    <row r="126" spans="3:5" ht="23.1" customHeight="1" x14ac:dyDescent="0.2">
      <c r="C126" s="10"/>
      <c r="D126" s="10"/>
      <c r="E126" s="10"/>
    </row>
    <row r="127" spans="3:5" ht="23.1" customHeight="1" x14ac:dyDescent="0.2">
      <c r="C127" s="10"/>
      <c r="D127" s="10"/>
      <c r="E127" s="10"/>
    </row>
    <row r="128" spans="3:5" ht="23.1" customHeight="1" x14ac:dyDescent="0.2">
      <c r="C128" s="10"/>
      <c r="D128" s="10"/>
      <c r="E128" s="10"/>
    </row>
    <row r="129" spans="3:5" ht="23.1" customHeight="1" x14ac:dyDescent="0.2">
      <c r="C129" s="10"/>
      <c r="D129" s="10"/>
      <c r="E129" s="10"/>
    </row>
    <row r="130" spans="3:5" ht="23.1" customHeight="1" x14ac:dyDescent="0.2">
      <c r="C130" s="10"/>
      <c r="D130" s="10"/>
      <c r="E130" s="10"/>
    </row>
    <row r="131" spans="3:5" ht="23.1" customHeight="1" x14ac:dyDescent="0.2">
      <c r="C131" s="10"/>
      <c r="D131" s="10"/>
      <c r="E131" s="10"/>
    </row>
    <row r="132" spans="3:5" ht="23.1" customHeight="1" x14ac:dyDescent="0.2">
      <c r="C132" s="10"/>
      <c r="D132" s="10"/>
      <c r="E132" s="10"/>
    </row>
    <row r="133" spans="3:5" ht="23.1" customHeight="1" x14ac:dyDescent="0.2">
      <c r="C133" s="10"/>
      <c r="D133" s="10"/>
      <c r="E133" s="10"/>
    </row>
    <row r="134" spans="3:5" ht="23.1" customHeight="1" x14ac:dyDescent="0.2">
      <c r="C134" s="10"/>
      <c r="D134" s="10"/>
      <c r="E134" s="10"/>
    </row>
    <row r="135" spans="3:5" ht="23.1" customHeight="1" x14ac:dyDescent="0.2">
      <c r="C135" s="10"/>
      <c r="D135" s="10"/>
      <c r="E135" s="10"/>
    </row>
    <row r="136" spans="3:5" ht="23.1" customHeight="1" x14ac:dyDescent="0.2">
      <c r="C136" s="10"/>
      <c r="D136" s="10"/>
      <c r="E136" s="10"/>
    </row>
    <row r="137" spans="3:5" ht="23.1" customHeight="1" x14ac:dyDescent="0.2">
      <c r="C137" s="10"/>
      <c r="D137" s="10"/>
      <c r="E137" s="10"/>
    </row>
    <row r="138" spans="3:5" ht="23.1" customHeight="1" x14ac:dyDescent="0.2">
      <c r="C138" s="10"/>
      <c r="D138" s="10"/>
      <c r="E138" s="10"/>
    </row>
    <row r="139" spans="3:5" ht="23.1" customHeight="1" x14ac:dyDescent="0.2">
      <c r="C139" s="10"/>
      <c r="D139" s="10"/>
      <c r="E139" s="10"/>
    </row>
    <row r="140" spans="3:5" ht="23.1" customHeight="1" x14ac:dyDescent="0.2">
      <c r="C140" s="10"/>
      <c r="D140" s="10"/>
      <c r="E140" s="10"/>
    </row>
    <row r="141" spans="3:5" ht="23.1" customHeight="1" x14ac:dyDescent="0.2">
      <c r="C141" s="10"/>
      <c r="D141" s="10"/>
      <c r="E141" s="10"/>
    </row>
    <row r="142" spans="3:5" ht="23.1" customHeight="1" x14ac:dyDescent="0.2">
      <c r="C142" s="10"/>
      <c r="D142" s="10"/>
      <c r="E142" s="10"/>
    </row>
    <row r="143" spans="3:5" ht="23.1" customHeight="1" x14ac:dyDescent="0.2">
      <c r="C143" s="10"/>
      <c r="D143" s="10"/>
      <c r="E143" s="10"/>
    </row>
    <row r="144" spans="3:5" ht="23.1" customHeight="1" x14ac:dyDescent="0.2">
      <c r="C144" s="10"/>
      <c r="D144" s="10"/>
      <c r="E144" s="10"/>
    </row>
    <row r="145" spans="3:5" ht="23.1" customHeight="1" x14ac:dyDescent="0.2">
      <c r="C145" s="10"/>
      <c r="D145" s="10"/>
      <c r="E145" s="10"/>
    </row>
    <row r="146" spans="3:5" ht="23.1" customHeight="1" x14ac:dyDescent="0.2">
      <c r="C146" s="10"/>
      <c r="D146" s="10"/>
      <c r="E146" s="10"/>
    </row>
    <row r="147" spans="3:5" ht="23.1" customHeight="1" x14ac:dyDescent="0.2">
      <c r="C147" s="10"/>
      <c r="D147" s="10"/>
      <c r="E147" s="10"/>
    </row>
    <row r="148" spans="3:5" ht="23.1" customHeight="1" x14ac:dyDescent="0.2">
      <c r="C148" s="10"/>
      <c r="D148" s="10"/>
      <c r="E148" s="10"/>
    </row>
    <row r="149" spans="3:5" ht="23.1" customHeight="1" x14ac:dyDescent="0.2">
      <c r="C149" s="10"/>
      <c r="D149" s="10"/>
      <c r="E149" s="10"/>
    </row>
    <row r="150" spans="3:5" ht="23.1" customHeight="1" x14ac:dyDescent="0.2">
      <c r="C150" s="10"/>
      <c r="D150" s="10"/>
      <c r="E150" s="10"/>
    </row>
    <row r="151" spans="3:5" ht="23.1" customHeight="1" x14ac:dyDescent="0.2">
      <c r="C151" s="10"/>
      <c r="D151" s="10"/>
      <c r="E151" s="10"/>
    </row>
    <row r="152" spans="3:5" ht="23.1" customHeight="1" x14ac:dyDescent="0.2">
      <c r="C152" s="10"/>
      <c r="D152" s="10"/>
      <c r="E152" s="10"/>
    </row>
    <row r="153" spans="3:5" ht="23.1" customHeight="1" x14ac:dyDescent="0.2">
      <c r="C153" s="10"/>
      <c r="D153" s="10"/>
      <c r="E153" s="10"/>
    </row>
    <row r="154" spans="3:5" ht="23.1" customHeight="1" x14ac:dyDescent="0.2">
      <c r="C154" s="10"/>
      <c r="D154" s="10"/>
      <c r="E154" s="10"/>
    </row>
    <row r="155" spans="3:5" ht="23.1" customHeight="1" x14ac:dyDescent="0.2">
      <c r="C155" s="10"/>
      <c r="D155" s="10"/>
      <c r="E155" s="10"/>
    </row>
  </sheetData>
  <mergeCells count="1">
    <mergeCell ref="A1:E1"/>
  </mergeCells>
  <phoneticPr fontId="1"/>
  <dataValidations count="2">
    <dataValidation type="list" allowBlank="1" showInputMessage="1" showErrorMessage="1" sqref="E85:E1048576 E2" xr:uid="{00000000-0002-0000-0100-000000000000}">
      <formula1>"旅館,ホテル,簡易宿所"</formula1>
    </dataValidation>
    <dataValidation type="list" allowBlank="1" showInputMessage="1" showErrorMessage="1" sqref="E3:E84" xr:uid="{00000000-0002-0000-0100-000001000000}">
      <formula1>"旅館・ホテル,簡易宿所"</formula1>
    </dataValidation>
  </dataValidations>
  <printOptions horizontalCentered="1"/>
  <pageMargins left="0.78740157480314965" right="0.78740157480314965" top="0.74803149606299213" bottom="0.74803149606299213" header="0.31496062992125984" footer="0.31496062992125984"/>
  <pageSetup paperSize="9" scale="52" fitToHeight="0" orientation="portrait" r:id="rId1"/>
  <headerFooter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秦野</vt:lpstr>
      <vt:lpstr>秦野!Print_Area</vt:lpstr>
      <vt:lpstr>秦野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1-27T02:23:16Z</cp:lastPrinted>
  <dcterms:created xsi:type="dcterms:W3CDTF">2016-12-05T08:23:20Z</dcterms:created>
  <dcterms:modified xsi:type="dcterms:W3CDTF">2026-02-16T06:27:01Z</dcterms:modified>
</cp:coreProperties>
</file>